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3.xml" ContentType="application/vnd.openxmlformats-officedocument.customXml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4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7231"/>
  <workbookPr/>
  <mc:AlternateContent xmlns:mc="http://schemas.openxmlformats.org/markup-compatibility/2006">
    <mc:Choice Requires="x15">
      <x15ac:absPath xmlns:x15ac="http://schemas.microsoft.com/office/spreadsheetml/2010/11/ac" url="\\bcapfps02.idir.bcgov\s144\s4528\Customer Selected\Products\MTXJ\Service Area Bylaw Status Report\2024 Revised\"/>
    </mc:Choice>
  </mc:AlternateContent>
  <xr:revisionPtr revIDLastSave="0" documentId="8_{D2A3F42B-DE33-4192-9347-B1A1BC3FE036}" xr6:coauthVersionLast="47" xr6:coauthVersionMax="47" xr10:uidLastSave="{00000000-0000-0000-0000-000000000000}"/>
  <bookViews>
    <workbookView xWindow="-28920" yWindow="3315" windowWidth="29040" windowHeight="17790" xr2:uid="{00000000-000D-0000-FFFF-FFFF00000000}"/>
  </bookViews>
  <sheets>
    <sheet name="Sheet1" sheetId="1" r:id="rId1"/>
  </sheets>
  <definedNames>
    <definedName name="_xlnm._FilterDatabase" localSheetId="0" hidden="1">Sheet1!$A$1:$G$31</definedName>
  </definedNames>
  <calcPr calcId="181029" iterate="1" concurrentCalc="0" concurrentManualCount="2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7" uniqueCount="87">
  <si>
    <t>Regional District Name</t>
  </si>
  <si>
    <t>Bylaw</t>
  </si>
  <si>
    <t>Bylaw Name</t>
  </si>
  <si>
    <t>Bylaw Purpose</t>
  </si>
  <si>
    <t>Notes</t>
  </si>
  <si>
    <t>Date Received by BCA</t>
  </si>
  <si>
    <t>Roll Year Applied</t>
  </si>
  <si>
    <t>BL 1701</t>
  </si>
  <si>
    <t>BL 2810</t>
  </si>
  <si>
    <t>BL 1531</t>
  </si>
  <si>
    <t>BL 5867</t>
  </si>
  <si>
    <t>BL 5874</t>
  </si>
  <si>
    <t>BL 797</t>
  </si>
  <si>
    <t>BL 798</t>
  </si>
  <si>
    <t>BL 4467</t>
  </si>
  <si>
    <t>BL 4490</t>
  </si>
  <si>
    <t>BL 4498</t>
  </si>
  <si>
    <t>BL 4499</t>
  </si>
  <si>
    <t>BL 4500</t>
  </si>
  <si>
    <t>BL 4501</t>
  </si>
  <si>
    <t>BL 4502</t>
  </si>
  <si>
    <t>BL 4503</t>
  </si>
  <si>
    <t>BL 4504</t>
  </si>
  <si>
    <t>BL 4509</t>
  </si>
  <si>
    <t>BL 4516</t>
  </si>
  <si>
    <t>BL 3185</t>
  </si>
  <si>
    <t>BL 1713</t>
  </si>
  <si>
    <t>BL 1354.02</t>
  </si>
  <si>
    <t>BL 1363.01</t>
  </si>
  <si>
    <t>BL 889.8</t>
  </si>
  <si>
    <t>BL 947.07</t>
  </si>
  <si>
    <t>BL 2968</t>
  </si>
  <si>
    <t>BL 2969</t>
  </si>
  <si>
    <t>BL 2970</t>
  </si>
  <si>
    <t>BL 2942.01</t>
  </si>
  <si>
    <t>BL 280.3</t>
  </si>
  <si>
    <t>BL 683</t>
  </si>
  <si>
    <t xml:space="preserve">Popkum W Storm Drainage LSA#8  </t>
  </si>
  <si>
    <t>Local Conservation Fund SRVA#86</t>
  </si>
  <si>
    <t>Falcon Ridge Water System East SRVA#102</t>
  </si>
  <si>
    <t>Sorrento Water SRVA#54</t>
  </si>
  <si>
    <t>Union Bay Water Service SRVA#84</t>
  </si>
  <si>
    <t>Comox Valley Water LSA#29</t>
  </si>
  <si>
    <t>Cowichan Station/Sahtlam/Glenora Streetlighting Service</t>
  </si>
  <si>
    <t>Cobble Hill Village Sewer SRVA#121</t>
  </si>
  <si>
    <t>Cherry Point Est Water SRVA#10</t>
  </si>
  <si>
    <t>Kerry Village Water SRVA#29</t>
  </si>
  <si>
    <t>Youbou Water SRVA#34</t>
  </si>
  <si>
    <t>Fern Ridge Water SRVA#46</t>
  </si>
  <si>
    <t>Bald Mtn Water SRVA#92</t>
  </si>
  <si>
    <t>Dogwood Ridge Water SRVA#90</t>
  </si>
  <si>
    <t>Douglas Hill Water SRVA#102</t>
  </si>
  <si>
    <t>Cowichan Valley Fireworks Regulation Service</t>
  </si>
  <si>
    <t>Burnum Water System SVRA#111</t>
  </si>
  <si>
    <t>Cranbrook Rural Fire LSA#8</t>
  </si>
  <si>
    <t>Electoral Area Animal Control SRVA#81</t>
  </si>
  <si>
    <t>River's Edge Water SRVA#38</t>
  </si>
  <si>
    <t>River's Edge Strm Wt SRVA#40</t>
  </si>
  <si>
    <t>Northern Comm Sewer LSA#37</t>
  </si>
  <si>
    <t>Fairwinds Sewage LSA#14</t>
  </si>
  <si>
    <t>Lumby &amp; District Fire Protection LSA#15</t>
  </si>
  <si>
    <t>N Okanag Fire Dispatch - SRVA#38</t>
  </si>
  <si>
    <t>Fire Training Centre LSA #16</t>
  </si>
  <si>
    <t>Oliver &amp; District Arena Service SRVA#60</t>
  </si>
  <si>
    <t>North Pacific Cannary Village Museum</t>
  </si>
  <si>
    <t>Mainland Arts and Culture Contribution</t>
  </si>
  <si>
    <t>Extension</t>
  </si>
  <si>
    <t>Establishment</t>
  </si>
  <si>
    <t>Requisition Amount Change</t>
  </si>
  <si>
    <t>Reduction</t>
  </si>
  <si>
    <t>Name Change</t>
  </si>
  <si>
    <t>Service Area Code</t>
  </si>
  <si>
    <t>No Code - Entire Electoral Area(s)</t>
  </si>
  <si>
    <t>For information only</t>
  </si>
  <si>
    <t>2024 Revised</t>
  </si>
  <si>
    <t>05 Fraser Valley</t>
  </si>
  <si>
    <t>06 Central Kootenay</t>
  </si>
  <si>
    <t>07 Central Okanagan</t>
  </si>
  <si>
    <t>08 Columbia-Shuswap</t>
  </si>
  <si>
    <t>09 Comox Valley</t>
  </si>
  <si>
    <t>10 Cowichan Valley</t>
  </si>
  <si>
    <t>12 East Kootenay</t>
  </si>
  <si>
    <t>15 Greater Vancouver</t>
  </si>
  <si>
    <t>18 Nanaimo</t>
  </si>
  <si>
    <t>19 North Okanagan</t>
  </si>
  <si>
    <t>21 Okanagan-Similkameen</t>
  </si>
  <si>
    <t>24 North Coas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0"/>
      <color indexed="8"/>
      <name val="Calibri"/>
      <family val="2"/>
      <scheme val="minor"/>
    </font>
    <font>
      <sz val="10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">
    <xf numFmtId="0" fontId="0" fillId="0" borderId="0" xfId="0"/>
    <xf numFmtId="0" fontId="1" fillId="0" borderId="0" xfId="0" applyFont="1" applyAlignment="1">
      <alignment horizontal="center" vertical="center" wrapText="1"/>
    </xf>
    <xf numFmtId="0" fontId="1" fillId="2" borderId="1" xfId="0" applyFont="1" applyFill="1" applyBorder="1" applyAlignment="1">
      <alignment horizontal="left" vertical="center" wrapText="1"/>
    </xf>
    <xf numFmtId="0" fontId="0" fillId="0" borderId="0" xfId="0" applyAlignment="1">
      <alignment horizontal="left"/>
    </xf>
    <xf numFmtId="0" fontId="2" fillId="0" borderId="2" xfId="0" applyFont="1" applyBorder="1" applyAlignment="1">
      <alignment horizontal="left" vertical="center" wrapText="1"/>
    </xf>
    <xf numFmtId="49" fontId="2" fillId="0" borderId="2" xfId="0" applyNumberFormat="1" applyFont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/>
    </xf>
    <xf numFmtId="15" fontId="3" fillId="0" borderId="2" xfId="0" applyNumberFormat="1" applyFont="1" applyBorder="1" applyAlignment="1">
      <alignment horizontal="left" vertical="center"/>
    </xf>
    <xf numFmtId="0" fontId="3" fillId="0" borderId="2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2" fillId="0" borderId="2" xfId="0" applyFont="1" applyFill="1" applyBorder="1" applyAlignment="1">
      <alignment horizontal="left" vertical="center"/>
    </xf>
    <xf numFmtId="15" fontId="2" fillId="0" borderId="2" xfId="0" applyNumberFormat="1" applyFont="1" applyBorder="1" applyAlignment="1">
      <alignment horizontal="left" vertical="center"/>
    </xf>
    <xf numFmtId="0" fontId="3" fillId="3" borderId="2" xfId="0" applyFont="1" applyFill="1" applyBorder="1" applyAlignment="1">
      <alignment horizontal="left" vertical="center"/>
    </xf>
  </cellXfs>
  <cellStyles count="1">
    <cellStyle name="Normal" xfId="0" builtinId="0"/>
  </cellStyles>
  <dxfs count="151"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theme="3" tint="0.79998168889431442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theme="3" tint="0.79998168889431442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theme="3" tint="0.79998168889431442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theme="3" tint="0.79998168889431442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theme="0"/>
        </patternFill>
      </fill>
    </dxf>
    <dxf>
      <fill>
        <patternFill>
          <bgColor theme="3" tint="0.79998168889431442"/>
        </patternFill>
      </fill>
    </dxf>
    <dxf>
      <fill>
        <patternFill>
          <bgColor theme="3" tint="0.79998168889431442"/>
        </patternFill>
      </fill>
    </dxf>
    <dxf>
      <fill>
        <patternFill>
          <bgColor theme="0"/>
        </patternFill>
      </fill>
    </dxf>
    <dxf>
      <fill>
        <patternFill>
          <bgColor rgb="FFFFFF00"/>
        </patternFill>
      </fill>
    </dxf>
    <dxf>
      <fill>
        <patternFill>
          <bgColor theme="8" tint="0.59993285927915285"/>
        </patternFill>
      </fill>
    </dxf>
    <dxf>
      <fill>
        <patternFill patternType="none"/>
      </fill>
    </dxf>
    <dxf>
      <fill>
        <patternFill>
          <bgColor rgb="FFFFFF66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4.xml"/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G31"/>
  <sheetViews>
    <sheetView tabSelected="1" workbookViewId="0">
      <selection activeCell="F26" sqref="F26"/>
    </sheetView>
  </sheetViews>
  <sheetFormatPr defaultRowHeight="15" x14ac:dyDescent="0.25"/>
  <cols>
    <col min="1" max="1" width="32" style="3" customWidth="1"/>
    <col min="2" max="2" width="17.5703125" style="3" customWidth="1"/>
    <col min="3" max="3" width="40.5703125" style="3" bestFit="1" customWidth="1"/>
    <col min="4" max="4" width="23" style="3" bestFit="1" customWidth="1"/>
    <col min="5" max="6" width="25.85546875" style="3" customWidth="1"/>
    <col min="7" max="7" width="16.7109375" style="3" customWidth="1"/>
  </cols>
  <sheetData>
    <row r="1" spans="1:7" s="1" customFormat="1" ht="12.75" x14ac:dyDescent="0.25">
      <c r="A1" s="2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</row>
    <row r="2" spans="1:7" x14ac:dyDescent="0.25">
      <c r="A2" s="4" t="s">
        <v>75</v>
      </c>
      <c r="B2" s="10" t="s">
        <v>7</v>
      </c>
      <c r="C2" s="6" t="s">
        <v>37</v>
      </c>
      <c r="D2" s="6" t="s">
        <v>66</v>
      </c>
      <c r="E2" s="6" t="s">
        <v>71</v>
      </c>
      <c r="F2" s="11">
        <v>45249</v>
      </c>
      <c r="G2" s="7" t="s">
        <v>74</v>
      </c>
    </row>
    <row r="3" spans="1:7" x14ac:dyDescent="0.25">
      <c r="A3" s="4" t="s">
        <v>76</v>
      </c>
      <c r="B3" s="10" t="s">
        <v>8</v>
      </c>
      <c r="C3" s="8" t="s">
        <v>38</v>
      </c>
      <c r="D3" s="8" t="s">
        <v>66</v>
      </c>
      <c r="E3" s="9" t="s">
        <v>71</v>
      </c>
      <c r="F3" s="7">
        <v>45238</v>
      </c>
      <c r="G3" s="7" t="s">
        <v>74</v>
      </c>
    </row>
    <row r="4" spans="1:7" x14ac:dyDescent="0.25">
      <c r="A4" s="4" t="s">
        <v>77</v>
      </c>
      <c r="B4" s="10" t="s">
        <v>9</v>
      </c>
      <c r="C4" s="6" t="s">
        <v>39</v>
      </c>
      <c r="D4" s="8" t="s">
        <v>67</v>
      </c>
      <c r="E4" s="9" t="s">
        <v>71</v>
      </c>
      <c r="F4" s="7">
        <v>45302</v>
      </c>
      <c r="G4" s="7" t="s">
        <v>74</v>
      </c>
    </row>
    <row r="5" spans="1:7" x14ac:dyDescent="0.25">
      <c r="A5" s="4" t="s">
        <v>78</v>
      </c>
      <c r="B5" s="10" t="s">
        <v>10</v>
      </c>
      <c r="C5" s="8" t="s">
        <v>40</v>
      </c>
      <c r="D5" s="8" t="s">
        <v>66</v>
      </c>
      <c r="E5" s="9" t="s">
        <v>71</v>
      </c>
      <c r="F5" s="7">
        <v>45198</v>
      </c>
      <c r="G5" s="7" t="s">
        <v>74</v>
      </c>
    </row>
    <row r="6" spans="1:7" x14ac:dyDescent="0.25">
      <c r="A6" s="4" t="s">
        <v>78</v>
      </c>
      <c r="B6" s="10" t="s">
        <v>11</v>
      </c>
      <c r="C6" s="8" t="s">
        <v>40</v>
      </c>
      <c r="D6" s="6" t="s">
        <v>67</v>
      </c>
      <c r="E6" s="9" t="s">
        <v>72</v>
      </c>
      <c r="F6" s="11">
        <v>45273</v>
      </c>
      <c r="G6" s="7" t="s">
        <v>74</v>
      </c>
    </row>
    <row r="7" spans="1:7" x14ac:dyDescent="0.25">
      <c r="A7" s="4" t="s">
        <v>79</v>
      </c>
      <c r="B7" s="10" t="s">
        <v>12</v>
      </c>
      <c r="C7" s="4" t="s">
        <v>41</v>
      </c>
      <c r="D7" s="6" t="s">
        <v>68</v>
      </c>
      <c r="E7" s="9" t="s">
        <v>73</v>
      </c>
      <c r="F7" s="11">
        <v>45266</v>
      </c>
      <c r="G7" s="7" t="s">
        <v>74</v>
      </c>
    </row>
    <row r="8" spans="1:7" x14ac:dyDescent="0.25">
      <c r="A8" s="4" t="s">
        <v>79</v>
      </c>
      <c r="B8" s="10" t="s">
        <v>13</v>
      </c>
      <c r="C8" s="4" t="s">
        <v>42</v>
      </c>
      <c r="D8" s="6" t="s">
        <v>68</v>
      </c>
      <c r="E8" s="9" t="s">
        <v>73</v>
      </c>
      <c r="F8" s="11">
        <v>45266</v>
      </c>
      <c r="G8" s="7" t="s">
        <v>74</v>
      </c>
    </row>
    <row r="9" spans="1:7" ht="25.5" x14ac:dyDescent="0.25">
      <c r="A9" s="4" t="s">
        <v>80</v>
      </c>
      <c r="B9" s="10" t="s">
        <v>14</v>
      </c>
      <c r="C9" s="4" t="s">
        <v>43</v>
      </c>
      <c r="D9" s="6" t="s">
        <v>68</v>
      </c>
      <c r="E9" s="9" t="s">
        <v>73</v>
      </c>
      <c r="F9" s="11">
        <v>45279</v>
      </c>
      <c r="G9" s="7" t="s">
        <v>74</v>
      </c>
    </row>
    <row r="10" spans="1:7" x14ac:dyDescent="0.25">
      <c r="A10" s="4" t="s">
        <v>80</v>
      </c>
      <c r="B10" s="10" t="s">
        <v>15</v>
      </c>
      <c r="C10" s="6" t="s">
        <v>44</v>
      </c>
      <c r="D10" s="6" t="s">
        <v>66</v>
      </c>
      <c r="E10" s="6" t="s">
        <v>71</v>
      </c>
      <c r="F10" s="11">
        <v>45279</v>
      </c>
      <c r="G10" s="7" t="s">
        <v>74</v>
      </c>
    </row>
    <row r="11" spans="1:7" x14ac:dyDescent="0.25">
      <c r="A11" s="4" t="s">
        <v>80</v>
      </c>
      <c r="B11" s="10" t="s">
        <v>16</v>
      </c>
      <c r="C11" s="5" t="s">
        <v>45</v>
      </c>
      <c r="D11" s="6" t="s">
        <v>68</v>
      </c>
      <c r="E11" s="9" t="s">
        <v>73</v>
      </c>
      <c r="F11" s="11">
        <v>45279</v>
      </c>
      <c r="G11" s="7" t="s">
        <v>74</v>
      </c>
    </row>
    <row r="12" spans="1:7" x14ac:dyDescent="0.25">
      <c r="A12" s="4" t="s">
        <v>80</v>
      </c>
      <c r="B12" s="10" t="s">
        <v>17</v>
      </c>
      <c r="C12" s="5" t="s">
        <v>46</v>
      </c>
      <c r="D12" s="6" t="s">
        <v>68</v>
      </c>
      <c r="E12" s="9" t="s">
        <v>73</v>
      </c>
      <c r="F12" s="11">
        <v>45279</v>
      </c>
      <c r="G12" s="7" t="s">
        <v>74</v>
      </c>
    </row>
    <row r="13" spans="1:7" x14ac:dyDescent="0.25">
      <c r="A13" s="4" t="s">
        <v>80</v>
      </c>
      <c r="B13" s="10" t="s">
        <v>18</v>
      </c>
      <c r="C13" s="4" t="s">
        <v>47</v>
      </c>
      <c r="D13" s="6" t="s">
        <v>68</v>
      </c>
      <c r="E13" s="9" t="s">
        <v>73</v>
      </c>
      <c r="F13" s="11">
        <v>45279</v>
      </c>
      <c r="G13" s="7" t="s">
        <v>74</v>
      </c>
    </row>
    <row r="14" spans="1:7" x14ac:dyDescent="0.25">
      <c r="A14" s="4" t="s">
        <v>80</v>
      </c>
      <c r="B14" s="10" t="s">
        <v>19</v>
      </c>
      <c r="C14" s="4" t="s">
        <v>48</v>
      </c>
      <c r="D14" s="6" t="s">
        <v>68</v>
      </c>
      <c r="E14" s="9" t="s">
        <v>73</v>
      </c>
      <c r="F14" s="11">
        <v>45279</v>
      </c>
      <c r="G14" s="7" t="s">
        <v>74</v>
      </c>
    </row>
    <row r="15" spans="1:7" x14ac:dyDescent="0.25">
      <c r="A15" s="4" t="s">
        <v>80</v>
      </c>
      <c r="B15" s="10" t="s">
        <v>20</v>
      </c>
      <c r="C15" s="4" t="s">
        <v>49</v>
      </c>
      <c r="D15" s="6" t="s">
        <v>68</v>
      </c>
      <c r="E15" s="9" t="s">
        <v>73</v>
      </c>
      <c r="F15" s="11">
        <v>45279</v>
      </c>
      <c r="G15" s="7" t="s">
        <v>74</v>
      </c>
    </row>
    <row r="16" spans="1:7" x14ac:dyDescent="0.25">
      <c r="A16" s="4" t="s">
        <v>80</v>
      </c>
      <c r="B16" s="10" t="s">
        <v>21</v>
      </c>
      <c r="C16" s="4" t="s">
        <v>50</v>
      </c>
      <c r="D16" s="6" t="s">
        <v>68</v>
      </c>
      <c r="E16" s="9" t="s">
        <v>73</v>
      </c>
      <c r="F16" s="11">
        <v>45279</v>
      </c>
      <c r="G16" s="7" t="s">
        <v>74</v>
      </c>
    </row>
    <row r="17" spans="1:7" x14ac:dyDescent="0.25">
      <c r="A17" s="4" t="s">
        <v>80</v>
      </c>
      <c r="B17" s="10" t="s">
        <v>22</v>
      </c>
      <c r="C17" s="4" t="s">
        <v>51</v>
      </c>
      <c r="D17" s="6" t="s">
        <v>68</v>
      </c>
      <c r="E17" s="9" t="s">
        <v>73</v>
      </c>
      <c r="F17" s="11">
        <v>45279</v>
      </c>
      <c r="G17" s="7" t="s">
        <v>74</v>
      </c>
    </row>
    <row r="18" spans="1:7" x14ac:dyDescent="0.25">
      <c r="A18" s="4" t="s">
        <v>80</v>
      </c>
      <c r="B18" s="10" t="s">
        <v>23</v>
      </c>
      <c r="C18" s="6" t="s">
        <v>52</v>
      </c>
      <c r="D18" s="6" t="s">
        <v>67</v>
      </c>
      <c r="E18" s="9" t="s">
        <v>72</v>
      </c>
      <c r="F18" s="11">
        <v>45279</v>
      </c>
      <c r="G18" s="7" t="s">
        <v>74</v>
      </c>
    </row>
    <row r="19" spans="1:7" x14ac:dyDescent="0.25">
      <c r="A19" s="4" t="s">
        <v>80</v>
      </c>
      <c r="B19" s="10" t="s">
        <v>24</v>
      </c>
      <c r="C19" s="6" t="s">
        <v>53</v>
      </c>
      <c r="D19" s="6" t="s">
        <v>66</v>
      </c>
      <c r="E19" s="6" t="s">
        <v>71</v>
      </c>
      <c r="F19" s="11">
        <v>45279</v>
      </c>
      <c r="G19" s="7" t="s">
        <v>74</v>
      </c>
    </row>
    <row r="20" spans="1:7" x14ac:dyDescent="0.25">
      <c r="A20" s="4" t="s">
        <v>81</v>
      </c>
      <c r="B20" s="10" t="s">
        <v>25</v>
      </c>
      <c r="C20" s="4" t="s">
        <v>54</v>
      </c>
      <c r="D20" s="6" t="s">
        <v>69</v>
      </c>
      <c r="E20" s="6" t="s">
        <v>71</v>
      </c>
      <c r="F20" s="11">
        <v>45275</v>
      </c>
      <c r="G20" s="7" t="s">
        <v>74</v>
      </c>
    </row>
    <row r="21" spans="1:7" x14ac:dyDescent="0.25">
      <c r="A21" s="4" t="s">
        <v>82</v>
      </c>
      <c r="B21" s="10" t="s">
        <v>26</v>
      </c>
      <c r="C21" s="6" t="s">
        <v>55</v>
      </c>
      <c r="D21" s="6" t="s">
        <v>66</v>
      </c>
      <c r="E21" s="6" t="s">
        <v>71</v>
      </c>
      <c r="F21" s="11">
        <v>45210</v>
      </c>
      <c r="G21" s="7" t="s">
        <v>74</v>
      </c>
    </row>
    <row r="22" spans="1:7" x14ac:dyDescent="0.25">
      <c r="A22" s="4" t="s">
        <v>83</v>
      </c>
      <c r="B22" s="10" t="s">
        <v>27</v>
      </c>
      <c r="C22" s="6" t="s">
        <v>56</v>
      </c>
      <c r="D22" s="6" t="s">
        <v>70</v>
      </c>
      <c r="E22" s="9" t="s">
        <v>73</v>
      </c>
      <c r="F22" s="7">
        <v>45315</v>
      </c>
      <c r="G22" s="7" t="s">
        <v>74</v>
      </c>
    </row>
    <row r="23" spans="1:7" x14ac:dyDescent="0.25">
      <c r="A23" s="4" t="s">
        <v>83</v>
      </c>
      <c r="B23" s="10" t="s">
        <v>28</v>
      </c>
      <c r="C23" s="8" t="s">
        <v>57</v>
      </c>
      <c r="D23" s="12" t="s">
        <v>70</v>
      </c>
      <c r="E23" s="9" t="s">
        <v>73</v>
      </c>
      <c r="F23" s="7">
        <v>45315</v>
      </c>
      <c r="G23" s="7" t="s">
        <v>74</v>
      </c>
    </row>
    <row r="24" spans="1:7" x14ac:dyDescent="0.25">
      <c r="A24" s="4" t="s">
        <v>83</v>
      </c>
      <c r="B24" s="10" t="s">
        <v>29</v>
      </c>
      <c r="C24" s="8" t="s">
        <v>58</v>
      </c>
      <c r="D24" s="8" t="s">
        <v>66</v>
      </c>
      <c r="E24" s="9" t="s">
        <v>71</v>
      </c>
      <c r="F24" s="7">
        <v>45315</v>
      </c>
      <c r="G24" s="7" t="s">
        <v>74</v>
      </c>
    </row>
    <row r="25" spans="1:7" x14ac:dyDescent="0.25">
      <c r="A25" s="4" t="s">
        <v>83</v>
      </c>
      <c r="B25" s="10" t="s">
        <v>30</v>
      </c>
      <c r="C25" s="8" t="s">
        <v>59</v>
      </c>
      <c r="D25" s="8" t="s">
        <v>66</v>
      </c>
      <c r="E25" s="9" t="s">
        <v>71</v>
      </c>
      <c r="F25" s="7">
        <v>45320</v>
      </c>
      <c r="G25" s="7" t="s">
        <v>74</v>
      </c>
    </row>
    <row r="26" spans="1:7" x14ac:dyDescent="0.25">
      <c r="A26" s="4" t="s">
        <v>84</v>
      </c>
      <c r="B26" s="10" t="s">
        <v>31</v>
      </c>
      <c r="C26" s="6" t="s">
        <v>60</v>
      </c>
      <c r="D26" s="8" t="s">
        <v>66</v>
      </c>
      <c r="E26" s="9" t="s">
        <v>71</v>
      </c>
      <c r="F26" s="7">
        <v>45225</v>
      </c>
      <c r="G26" s="7" t="s">
        <v>74</v>
      </c>
    </row>
    <row r="27" spans="1:7" x14ac:dyDescent="0.25">
      <c r="A27" s="4" t="s">
        <v>84</v>
      </c>
      <c r="B27" s="10" t="s">
        <v>32</v>
      </c>
      <c r="C27" s="6" t="s">
        <v>61</v>
      </c>
      <c r="D27" s="8" t="s">
        <v>66</v>
      </c>
      <c r="E27" s="9" t="s">
        <v>71</v>
      </c>
      <c r="F27" s="7">
        <v>45225</v>
      </c>
      <c r="G27" s="7" t="s">
        <v>74</v>
      </c>
    </row>
    <row r="28" spans="1:7" x14ac:dyDescent="0.25">
      <c r="A28" s="4" t="s">
        <v>84</v>
      </c>
      <c r="B28" s="10" t="s">
        <v>33</v>
      </c>
      <c r="C28" s="6" t="s">
        <v>62</v>
      </c>
      <c r="D28" s="8" t="s">
        <v>66</v>
      </c>
      <c r="E28" s="9" t="s">
        <v>71</v>
      </c>
      <c r="F28" s="7">
        <v>45225</v>
      </c>
      <c r="G28" s="7" t="s">
        <v>74</v>
      </c>
    </row>
    <row r="29" spans="1:7" x14ac:dyDescent="0.25">
      <c r="A29" s="4" t="s">
        <v>85</v>
      </c>
      <c r="B29" s="10" t="s">
        <v>34</v>
      </c>
      <c r="C29" s="6" t="s">
        <v>63</v>
      </c>
      <c r="D29" s="8" t="s">
        <v>66</v>
      </c>
      <c r="E29" s="9" t="s">
        <v>72</v>
      </c>
      <c r="F29" s="7">
        <v>45314</v>
      </c>
      <c r="G29" s="7" t="s">
        <v>74</v>
      </c>
    </row>
    <row r="30" spans="1:7" x14ac:dyDescent="0.25">
      <c r="A30" s="4" t="s">
        <v>86</v>
      </c>
      <c r="B30" s="10" t="s">
        <v>35</v>
      </c>
      <c r="C30" s="6" t="s">
        <v>64</v>
      </c>
      <c r="D30" s="6" t="s">
        <v>68</v>
      </c>
      <c r="E30" s="9" t="s">
        <v>73</v>
      </c>
      <c r="F30" s="7">
        <v>45223</v>
      </c>
      <c r="G30" s="7" t="s">
        <v>74</v>
      </c>
    </row>
    <row r="31" spans="1:7" x14ac:dyDescent="0.25">
      <c r="A31" s="4" t="s">
        <v>86</v>
      </c>
      <c r="B31" s="10" t="s">
        <v>36</v>
      </c>
      <c r="C31" s="8" t="s">
        <v>65</v>
      </c>
      <c r="D31" s="8" t="s">
        <v>67</v>
      </c>
      <c r="E31" s="9" t="s">
        <v>71</v>
      </c>
      <c r="F31" s="7">
        <v>45223</v>
      </c>
      <c r="G31" s="7" t="s">
        <v>74</v>
      </c>
    </row>
  </sheetData>
  <autoFilter ref="A1:G31" xr:uid="{00000000-0001-0000-0000-000000000000}"/>
  <conditionalFormatting sqref="G2:G31">
    <cfRule type="expression" dxfId="150" priority="251">
      <formula>$P2="Not Processed"</formula>
    </cfRule>
    <cfRule type="expression" dxfId="149" priority="252">
      <formula>$P2="AO Complete"</formula>
    </cfRule>
    <cfRule type="expression" dxfId="148" priority="253">
      <formula>$P2="HO Complete"</formula>
    </cfRule>
  </conditionalFormatting>
  <conditionalFormatting sqref="A2:A31 B2:F2">
    <cfRule type="expression" dxfId="147" priority="202">
      <formula>$Q2="Not Processed"</formula>
    </cfRule>
    <cfRule type="expression" dxfId="146" priority="203">
      <formula>$Q2="AO Complete"</formula>
    </cfRule>
  </conditionalFormatting>
  <conditionalFormatting sqref="B4:F4 A3:A31 A2:F2">
    <cfRule type="expression" dxfId="145" priority="204">
      <formula>$Q2="HO Complete"</formula>
    </cfRule>
  </conditionalFormatting>
  <conditionalFormatting sqref="B18:B19 B21:B31 B15">
    <cfRule type="expression" dxfId="144" priority="201">
      <formula>$Q15="HO Complete"</formula>
    </cfRule>
  </conditionalFormatting>
  <conditionalFormatting sqref="B18:B31 B4:D5 E4 F4:F5 B3:F3">
    <cfRule type="expression" dxfId="143" priority="200">
      <formula>$Q3="AO Complete"</formula>
    </cfRule>
  </conditionalFormatting>
  <conditionalFormatting sqref="B4:D5 E4 F4:F5 B3:F3">
    <cfRule type="expression" dxfId="142" priority="191">
      <formula>$Q3="Not Processed"</formula>
    </cfRule>
  </conditionalFormatting>
  <conditionalFormatting sqref="B7">
    <cfRule type="expression" dxfId="141" priority="168">
      <formula>$Q7="Not Processed"</formula>
    </cfRule>
    <cfRule type="expression" dxfId="140" priority="169">
      <formula>$Q7="AO Complete"</formula>
    </cfRule>
  </conditionalFormatting>
  <conditionalFormatting sqref="B16:B17">
    <cfRule type="expression" dxfId="139" priority="175">
      <formula>$Q16="Not Processed"</formula>
    </cfRule>
    <cfRule type="expression" dxfId="138" priority="176">
      <formula>$Q16="AO Complete"</formula>
    </cfRule>
  </conditionalFormatting>
  <conditionalFormatting sqref="B16:B17">
    <cfRule type="expression" dxfId="137" priority="177">
      <formula>$Q16="HO Complete"</formula>
    </cfRule>
  </conditionalFormatting>
  <conditionalFormatting sqref="B3">
    <cfRule type="expression" dxfId="136" priority="185">
      <formula>$Q3="HO Complete"</formula>
    </cfRule>
  </conditionalFormatting>
  <conditionalFormatting sqref="B5:B6">
    <cfRule type="expression" dxfId="135" priority="188">
      <formula>$Q5="HO Complete"</formula>
    </cfRule>
  </conditionalFormatting>
  <conditionalFormatting sqref="B6 B8:B10">
    <cfRule type="expression" dxfId="134" priority="194">
      <formula>$Q6="AO Complete"</formula>
    </cfRule>
  </conditionalFormatting>
  <conditionalFormatting sqref="B12">
    <cfRule type="expression" dxfId="133" priority="182">
      <formula>$Q12="HO Complete"</formula>
    </cfRule>
    <cfRule type="expression" dxfId="132" priority="183">
      <formula>$Q12="Not Processed"</formula>
    </cfRule>
    <cfRule type="expression" dxfId="131" priority="184">
      <formula>$Q12="AO Complete"</formula>
    </cfRule>
  </conditionalFormatting>
  <conditionalFormatting sqref="B14">
    <cfRule type="expression" dxfId="130" priority="179">
      <formula>$Q14="HO Complete"</formula>
    </cfRule>
  </conditionalFormatting>
  <conditionalFormatting sqref="B14:B15">
    <cfRule type="expression" dxfId="129" priority="180">
      <formula>$Q14="Not Processed"</formula>
    </cfRule>
    <cfRule type="expression" dxfId="128" priority="181">
      <formula>$Q14="AO Complete"</formula>
    </cfRule>
  </conditionalFormatting>
  <conditionalFormatting sqref="B18:B31">
    <cfRule type="expression" dxfId="127" priority="199">
      <formula>$Q18="Not Processed"</formula>
    </cfRule>
  </conditionalFormatting>
  <conditionalFormatting sqref="B20">
    <cfRule type="expression" dxfId="126" priority="189">
      <formula>$Q20="HO Complete"</formula>
    </cfRule>
  </conditionalFormatting>
  <conditionalFormatting sqref="B11">
    <cfRule type="expression" dxfId="125" priority="173">
      <formula>$Q11="HO Complete"</formula>
    </cfRule>
  </conditionalFormatting>
  <conditionalFormatting sqref="B13">
    <cfRule type="expression" dxfId="124" priority="170">
      <formula>$Q13="HO Complete"</formula>
    </cfRule>
  </conditionalFormatting>
  <conditionalFormatting sqref="B13">
    <cfRule type="expression" dxfId="123" priority="171">
      <formula>$Q13="Not Processed"</formula>
    </cfRule>
    <cfRule type="expression" dxfId="122" priority="172">
      <formula>$Q13="AO Complete"</formula>
    </cfRule>
  </conditionalFormatting>
  <conditionalFormatting sqref="B11">
    <cfRule type="expression" dxfId="121" priority="195">
      <formula>$Q11="Not Processed"</formula>
    </cfRule>
    <cfRule type="expression" dxfId="120" priority="196">
      <formula>$Q11="AO Complete"</formula>
    </cfRule>
  </conditionalFormatting>
  <conditionalFormatting sqref="B7:B10">
    <cfRule type="expression" dxfId="119" priority="190">
      <formula>$Q7="HO Complete"</formula>
    </cfRule>
  </conditionalFormatting>
  <conditionalFormatting sqref="B8:B10 B6">
    <cfRule type="expression" dxfId="118" priority="193">
      <formula>$Q6="Not Processed"</formula>
    </cfRule>
  </conditionalFormatting>
  <conditionalFormatting sqref="C18:C19 C21:C31 C15">
    <cfRule type="expression" dxfId="117" priority="164">
      <formula>$Q15="HO Complete"</formula>
    </cfRule>
  </conditionalFormatting>
  <conditionalFormatting sqref="C18:C31">
    <cfRule type="expression" dxfId="116" priority="163">
      <formula>$Q18="AO Complete"</formula>
    </cfRule>
  </conditionalFormatting>
  <conditionalFormatting sqref="C7">
    <cfRule type="expression" dxfId="115" priority="129">
      <formula>$Q7="Not Processed"</formula>
    </cfRule>
    <cfRule type="expression" dxfId="114" priority="130">
      <formula>$Q7="AO Complete"</formula>
    </cfRule>
  </conditionalFormatting>
  <conditionalFormatting sqref="C16:C17">
    <cfRule type="expression" dxfId="113" priority="136">
      <formula>$Q16="Not Processed"</formula>
    </cfRule>
    <cfRule type="expression" dxfId="112" priority="137">
      <formula>$Q16="AO Complete"</formula>
    </cfRule>
  </conditionalFormatting>
  <conditionalFormatting sqref="C16:C17">
    <cfRule type="expression" dxfId="111" priority="138">
      <formula>$Q16="HO Complete"</formula>
    </cfRule>
  </conditionalFormatting>
  <conditionalFormatting sqref="C3">
    <cfRule type="expression" dxfId="110" priority="146">
      <formula>$Q3="HO Complete"</formula>
    </cfRule>
  </conditionalFormatting>
  <conditionalFormatting sqref="C5:C6">
    <cfRule type="expression" dxfId="109" priority="149">
      <formula>$Q5="HO Complete"</formula>
    </cfRule>
  </conditionalFormatting>
  <conditionalFormatting sqref="C6 C8:C10">
    <cfRule type="expression" dxfId="108" priority="157">
      <formula>$Q6="AO Complete"</formula>
    </cfRule>
  </conditionalFormatting>
  <conditionalFormatting sqref="C12">
    <cfRule type="expression" dxfId="107" priority="143">
      <formula>$Q12="HO Complete"</formula>
    </cfRule>
    <cfRule type="expression" dxfId="106" priority="144">
      <formula>$Q12="Not Processed"</formula>
    </cfRule>
    <cfRule type="expression" dxfId="105" priority="145">
      <formula>$Q12="AO Complete"</formula>
    </cfRule>
  </conditionalFormatting>
  <conditionalFormatting sqref="C14">
    <cfRule type="expression" dxfId="104" priority="140">
      <formula>$Q14="HO Complete"</formula>
    </cfRule>
  </conditionalFormatting>
  <conditionalFormatting sqref="C14:C15">
    <cfRule type="expression" dxfId="103" priority="141">
      <formula>$Q14="Not Processed"</formula>
    </cfRule>
    <cfRule type="expression" dxfId="102" priority="142">
      <formula>$Q14="AO Complete"</formula>
    </cfRule>
  </conditionalFormatting>
  <conditionalFormatting sqref="C18:C31">
    <cfRule type="expression" dxfId="101" priority="162">
      <formula>$Q18="Not Processed"</formula>
    </cfRule>
  </conditionalFormatting>
  <conditionalFormatting sqref="C20">
    <cfRule type="expression" dxfId="100" priority="150">
      <formula>$Q20="HO Complete"</formula>
    </cfRule>
  </conditionalFormatting>
  <conditionalFormatting sqref="C11">
    <cfRule type="expression" dxfId="99" priority="134">
      <formula>$Q11="HO Complete"</formula>
    </cfRule>
  </conditionalFormatting>
  <conditionalFormatting sqref="C13">
    <cfRule type="expression" dxfId="98" priority="131">
      <formula>$Q13="HO Complete"</formula>
    </cfRule>
  </conditionalFormatting>
  <conditionalFormatting sqref="C13">
    <cfRule type="expression" dxfId="97" priority="132">
      <formula>$Q13="Not Processed"</formula>
    </cfRule>
    <cfRule type="expression" dxfId="96" priority="133">
      <formula>$Q13="AO Complete"</formula>
    </cfRule>
  </conditionalFormatting>
  <conditionalFormatting sqref="C11">
    <cfRule type="expression" dxfId="95" priority="158">
      <formula>$Q11="Not Processed"</formula>
    </cfRule>
    <cfRule type="expression" dxfId="94" priority="159">
      <formula>$Q11="AO Complete"</formula>
    </cfRule>
  </conditionalFormatting>
  <conditionalFormatting sqref="C7:C10">
    <cfRule type="expression" dxfId="93" priority="153">
      <formula>$Q7="HO Complete"</formula>
    </cfRule>
  </conditionalFormatting>
  <conditionalFormatting sqref="C8:C10 C6">
    <cfRule type="expression" dxfId="92" priority="156">
      <formula>$Q6="Not Processed"</formula>
    </cfRule>
  </conditionalFormatting>
  <conditionalFormatting sqref="D18:D19 D21:D31 D15">
    <cfRule type="expression" dxfId="91" priority="125">
      <formula>$Q15="HO Complete"</formula>
    </cfRule>
  </conditionalFormatting>
  <conditionalFormatting sqref="D18:D31">
    <cfRule type="expression" dxfId="90" priority="124">
      <formula>$Q18="AO Complete"</formula>
    </cfRule>
  </conditionalFormatting>
  <conditionalFormatting sqref="D7">
    <cfRule type="expression" dxfId="89" priority="92">
      <formula>$Q7="Not Processed"</formula>
    </cfRule>
    <cfRule type="expression" dxfId="88" priority="93">
      <formula>$Q7="AO Complete"</formula>
    </cfRule>
  </conditionalFormatting>
  <conditionalFormatting sqref="D16:D17">
    <cfRule type="expression" dxfId="87" priority="99">
      <formula>$Q16="Not Processed"</formula>
    </cfRule>
    <cfRule type="expression" dxfId="86" priority="100">
      <formula>$Q16="AO Complete"</formula>
    </cfRule>
  </conditionalFormatting>
  <conditionalFormatting sqref="D16:D17">
    <cfRule type="expression" dxfId="85" priority="101">
      <formula>$Q16="HO Complete"</formula>
    </cfRule>
  </conditionalFormatting>
  <conditionalFormatting sqref="D3">
    <cfRule type="expression" dxfId="84" priority="109">
      <formula>$Q3="HO Complete"</formula>
    </cfRule>
  </conditionalFormatting>
  <conditionalFormatting sqref="D5:D6">
    <cfRule type="expression" dxfId="83" priority="112">
      <formula>$Q5="HO Complete"</formula>
    </cfRule>
  </conditionalFormatting>
  <conditionalFormatting sqref="D6 D8:D10">
    <cfRule type="expression" dxfId="82" priority="118">
      <formula>$Q6="AO Complete"</formula>
    </cfRule>
  </conditionalFormatting>
  <conditionalFormatting sqref="D12">
    <cfRule type="expression" dxfId="81" priority="106">
      <formula>$Q12="HO Complete"</formula>
    </cfRule>
    <cfRule type="expression" dxfId="80" priority="107">
      <formula>$Q12="Not Processed"</formula>
    </cfRule>
    <cfRule type="expression" dxfId="79" priority="108">
      <formula>$Q12="AO Complete"</formula>
    </cfRule>
  </conditionalFormatting>
  <conditionalFormatting sqref="D14">
    <cfRule type="expression" dxfId="78" priority="103">
      <formula>$Q14="HO Complete"</formula>
    </cfRule>
  </conditionalFormatting>
  <conditionalFormatting sqref="D14:D15">
    <cfRule type="expression" dxfId="77" priority="104">
      <formula>$Q14="Not Processed"</formula>
    </cfRule>
    <cfRule type="expression" dxfId="76" priority="105">
      <formula>$Q14="AO Complete"</formula>
    </cfRule>
  </conditionalFormatting>
  <conditionalFormatting sqref="D18:D31">
    <cfRule type="expression" dxfId="75" priority="123">
      <formula>$Q18="Not Processed"</formula>
    </cfRule>
  </conditionalFormatting>
  <conditionalFormatting sqref="D20">
    <cfRule type="expression" dxfId="74" priority="113">
      <formula>$Q20="HO Complete"</formula>
    </cfRule>
  </conditionalFormatting>
  <conditionalFormatting sqref="D11">
    <cfRule type="expression" dxfId="73" priority="97">
      <formula>$Q11="HO Complete"</formula>
    </cfRule>
  </conditionalFormatting>
  <conditionalFormatting sqref="D13">
    <cfRule type="expression" dxfId="72" priority="94">
      <formula>$Q13="HO Complete"</formula>
    </cfRule>
  </conditionalFormatting>
  <conditionalFormatting sqref="D13">
    <cfRule type="expression" dxfId="71" priority="95">
      <formula>$Q13="Not Processed"</formula>
    </cfRule>
    <cfRule type="expression" dxfId="70" priority="96">
      <formula>$Q13="AO Complete"</formula>
    </cfRule>
  </conditionalFormatting>
  <conditionalFormatting sqref="D7">
    <cfRule type="expression" dxfId="69" priority="91">
      <formula>$Q7="HO Complete"</formula>
    </cfRule>
  </conditionalFormatting>
  <conditionalFormatting sqref="D11">
    <cfRule type="expression" dxfId="68" priority="119">
      <formula>$Q11="Not Processed"</formula>
    </cfRule>
    <cfRule type="expression" dxfId="67" priority="120">
      <formula>$Q11="AO Complete"</formula>
    </cfRule>
  </conditionalFormatting>
  <conditionalFormatting sqref="D8:D10">
    <cfRule type="expression" dxfId="66" priority="114">
      <formula>$Q8="HO Complete"</formula>
    </cfRule>
  </conditionalFormatting>
  <conditionalFormatting sqref="D8:D10 D6">
    <cfRule type="expression" dxfId="65" priority="117">
      <formula>$Q6="Not Processed"</formula>
    </cfRule>
  </conditionalFormatting>
  <conditionalFormatting sqref="E18:E19 E15">
    <cfRule type="expression" dxfId="64" priority="87">
      <formula>$Q15="HO Complete"</formula>
    </cfRule>
  </conditionalFormatting>
  <conditionalFormatting sqref="E18:E20">
    <cfRule type="expression" dxfId="63" priority="86">
      <formula>$Q18="AO Complete"</formula>
    </cfRule>
  </conditionalFormatting>
  <conditionalFormatting sqref="E16:E17">
    <cfRule type="expression" dxfId="62" priority="54">
      <formula>$Q16="Not Processed"</formula>
    </cfRule>
    <cfRule type="expression" dxfId="61" priority="55">
      <formula>$Q16="AO Complete"</formula>
    </cfRule>
  </conditionalFormatting>
  <conditionalFormatting sqref="E16:E17">
    <cfRule type="expression" dxfId="60" priority="56">
      <formula>$Q16="HO Complete"</formula>
    </cfRule>
  </conditionalFormatting>
  <conditionalFormatting sqref="E3">
    <cfRule type="expression" dxfId="59" priority="64">
      <formula>$Q3="HO Complete"</formula>
    </cfRule>
  </conditionalFormatting>
  <conditionalFormatting sqref="E5:E6">
    <cfRule type="expression" dxfId="58" priority="72">
      <formula>$Q5="HO Complete"</formula>
    </cfRule>
  </conditionalFormatting>
  <conditionalFormatting sqref="E6">
    <cfRule type="expression" dxfId="57" priority="80">
      <formula>$Q6="AO Complete"</formula>
    </cfRule>
  </conditionalFormatting>
  <conditionalFormatting sqref="E12">
    <cfRule type="expression" dxfId="56" priority="61">
      <formula>$Q12="HO Complete"</formula>
    </cfRule>
    <cfRule type="expression" dxfId="55" priority="62">
      <formula>$Q12="Not Processed"</formula>
    </cfRule>
    <cfRule type="expression" dxfId="54" priority="63">
      <formula>$Q12="AO Complete"</formula>
    </cfRule>
  </conditionalFormatting>
  <conditionalFormatting sqref="E14">
    <cfRule type="expression" dxfId="53" priority="58">
      <formula>$Q14="HO Complete"</formula>
    </cfRule>
  </conditionalFormatting>
  <conditionalFormatting sqref="E14:E15">
    <cfRule type="expression" dxfId="52" priority="59">
      <formula>$Q14="Not Processed"</formula>
    </cfRule>
    <cfRule type="expression" dxfId="51" priority="60">
      <formula>$Q14="AO Complete"</formula>
    </cfRule>
  </conditionalFormatting>
  <conditionalFormatting sqref="E18:E20">
    <cfRule type="expression" dxfId="50" priority="85">
      <formula>$Q18="Not Processed"</formula>
    </cfRule>
  </conditionalFormatting>
  <conditionalFormatting sqref="E20">
    <cfRule type="expression" dxfId="49" priority="73">
      <formula>$Q20="HO Complete"</formula>
    </cfRule>
  </conditionalFormatting>
  <conditionalFormatting sqref="E11">
    <cfRule type="expression" dxfId="48" priority="52">
      <formula>$Q11="HO Complete"</formula>
    </cfRule>
  </conditionalFormatting>
  <conditionalFormatting sqref="E13">
    <cfRule type="expression" dxfId="47" priority="49">
      <formula>$Q13="HO Complete"</formula>
    </cfRule>
  </conditionalFormatting>
  <conditionalFormatting sqref="E13">
    <cfRule type="expression" dxfId="46" priority="50">
      <formula>$Q13="Not Processed"</formula>
    </cfRule>
    <cfRule type="expression" dxfId="45" priority="51">
      <formula>$Q13="AO Complete"</formula>
    </cfRule>
  </conditionalFormatting>
  <conditionalFormatting sqref="E5">
    <cfRule type="expression" dxfId="44" priority="70">
      <formula>$Q5="Not Processed"</formula>
    </cfRule>
    <cfRule type="expression" dxfId="43" priority="71">
      <formula>$Q5="AO Complete"</formula>
    </cfRule>
  </conditionalFormatting>
  <conditionalFormatting sqref="E7:E8">
    <cfRule type="expression" dxfId="42" priority="75">
      <formula>$Q7="Not Processed"</formula>
    </cfRule>
    <cfRule type="expression" dxfId="41" priority="76">
      <formula>$Q7="AO Complete"</formula>
    </cfRule>
  </conditionalFormatting>
  <conditionalFormatting sqref="E9:E10">
    <cfRule type="expression" dxfId="40" priority="67">
      <formula>$Q9="Not Processed"</formula>
    </cfRule>
    <cfRule type="expression" dxfId="39" priority="68">
      <formula>$Q9="AO Complete"</formula>
    </cfRule>
  </conditionalFormatting>
  <conditionalFormatting sqref="E7:E8">
    <cfRule type="expression" dxfId="38" priority="74">
      <formula>$Q7="HO Complete"</formula>
    </cfRule>
  </conditionalFormatting>
  <conditionalFormatting sqref="E21:E31">
    <cfRule type="expression" dxfId="37" priority="46">
      <formula>$Q21="HO Complete"</formula>
    </cfRule>
  </conditionalFormatting>
  <conditionalFormatting sqref="E9:E10">
    <cfRule type="expression" dxfId="36" priority="69">
      <formula>$Q9="HO Complete"</formula>
    </cfRule>
  </conditionalFormatting>
  <conditionalFormatting sqref="E21:E31">
    <cfRule type="expression" dxfId="35" priority="47">
      <formula>$Q21="Not Processed"</formula>
    </cfRule>
    <cfRule type="expression" dxfId="34" priority="48">
      <formula>$Q21="AO Complete"</formula>
    </cfRule>
  </conditionalFormatting>
  <conditionalFormatting sqref="E11">
    <cfRule type="expression" dxfId="33" priority="81">
      <formula>$Q11="Not Processed"</formula>
    </cfRule>
    <cfRule type="expression" dxfId="32" priority="82">
      <formula>$Q11="AO Complete"</formula>
    </cfRule>
  </conditionalFormatting>
  <conditionalFormatting sqref="E6">
    <cfRule type="expression" dxfId="31" priority="79">
      <formula>$Q6="Not Processed"</formula>
    </cfRule>
  </conditionalFormatting>
  <conditionalFormatting sqref="F18:F19 F15 F21:F31">
    <cfRule type="expression" dxfId="30" priority="42">
      <formula>$Q15="HO Complete"</formula>
    </cfRule>
  </conditionalFormatting>
  <conditionalFormatting sqref="F18:F20">
    <cfRule type="expression" dxfId="29" priority="41">
      <formula>$Q18="AO Complete"</formula>
    </cfRule>
  </conditionalFormatting>
  <conditionalFormatting sqref="F16:F17">
    <cfRule type="expression" dxfId="28" priority="11">
      <formula>$Q16="Not Processed"</formula>
    </cfRule>
    <cfRule type="expression" dxfId="27" priority="12">
      <formula>$Q16="AO Complete"</formula>
    </cfRule>
  </conditionalFormatting>
  <conditionalFormatting sqref="F16:F17">
    <cfRule type="expression" dxfId="26" priority="13">
      <formula>$Q16="HO Complete"</formula>
    </cfRule>
  </conditionalFormatting>
  <conditionalFormatting sqref="F3">
    <cfRule type="expression" dxfId="25" priority="21">
      <formula>$Q3="HO Complete"</formula>
    </cfRule>
  </conditionalFormatting>
  <conditionalFormatting sqref="F5:F6">
    <cfRule type="expression" dxfId="24" priority="25">
      <formula>$Q5="HO Complete"</formula>
    </cfRule>
  </conditionalFormatting>
  <conditionalFormatting sqref="F6 F8">
    <cfRule type="expression" dxfId="23" priority="35">
      <formula>$Q6="AO Complete"</formula>
    </cfRule>
  </conditionalFormatting>
  <conditionalFormatting sqref="F12">
    <cfRule type="expression" dxfId="22" priority="18">
      <formula>$Q12="HO Complete"</formula>
    </cfRule>
    <cfRule type="expression" dxfId="21" priority="19">
      <formula>$Q12="Not Processed"</formula>
    </cfRule>
    <cfRule type="expression" dxfId="20" priority="20">
      <formula>$Q12="AO Complete"</formula>
    </cfRule>
  </conditionalFormatting>
  <conditionalFormatting sqref="F14">
    <cfRule type="expression" dxfId="19" priority="15">
      <formula>$Q14="HO Complete"</formula>
    </cfRule>
  </conditionalFormatting>
  <conditionalFormatting sqref="F14:F15">
    <cfRule type="expression" dxfId="18" priority="16">
      <formula>$Q14="Not Processed"</formula>
    </cfRule>
    <cfRule type="expression" dxfId="17" priority="17">
      <formula>$Q14="AO Complete"</formula>
    </cfRule>
  </conditionalFormatting>
  <conditionalFormatting sqref="F18:F20">
    <cfRule type="expression" dxfId="16" priority="40">
      <formula>$Q18="Not Processed"</formula>
    </cfRule>
  </conditionalFormatting>
  <conditionalFormatting sqref="F20">
    <cfRule type="expression" dxfId="15" priority="26">
      <formula>$Q20="HO Complete"</formula>
    </cfRule>
  </conditionalFormatting>
  <conditionalFormatting sqref="F11">
    <cfRule type="expression" dxfId="14" priority="9">
      <formula>$Q11="HO Complete"</formula>
    </cfRule>
  </conditionalFormatting>
  <conditionalFormatting sqref="F13">
    <cfRule type="expression" dxfId="13" priority="6">
      <formula>$Q13="HO Complete"</formula>
    </cfRule>
  </conditionalFormatting>
  <conditionalFormatting sqref="F13">
    <cfRule type="expression" dxfId="12" priority="7">
      <formula>$Q13="Not Processed"</formula>
    </cfRule>
    <cfRule type="expression" dxfId="11" priority="8">
      <formula>$Q13="AO Complete"</formula>
    </cfRule>
  </conditionalFormatting>
  <conditionalFormatting sqref="F9:F10">
    <cfRule type="expression" dxfId="10" priority="24">
      <formula>$Q9="HO Complete"</formula>
    </cfRule>
  </conditionalFormatting>
  <conditionalFormatting sqref="F21:F31">
    <cfRule type="expression" dxfId="9" priority="4">
      <formula>$Q21="Not Processed"</formula>
    </cfRule>
    <cfRule type="expression" dxfId="8" priority="5">
      <formula>$Q21="AO Complete"</formula>
    </cfRule>
  </conditionalFormatting>
  <conditionalFormatting sqref="F7">
    <cfRule type="expression" dxfId="7" priority="29">
      <formula>$Q7="Not Processed"</formula>
    </cfRule>
    <cfRule type="expression" dxfId="6" priority="30">
      <formula>$Q7="AO Complete"</formula>
    </cfRule>
  </conditionalFormatting>
  <conditionalFormatting sqref="F9:F11">
    <cfRule type="expression" dxfId="5" priority="36">
      <formula>$Q9="Not Processed"</formula>
    </cfRule>
    <cfRule type="expression" dxfId="4" priority="37">
      <formula>$Q9="AO Complete"</formula>
    </cfRule>
  </conditionalFormatting>
  <conditionalFormatting sqref="F8">
    <cfRule type="expression" dxfId="3" priority="27">
      <formula>$Q8="Not Processed"</formula>
    </cfRule>
    <cfRule type="expression" dxfId="2" priority="28">
      <formula>$Q8="AO Complete"</formula>
    </cfRule>
  </conditionalFormatting>
  <conditionalFormatting sqref="F7:F8">
    <cfRule type="expression" dxfId="1" priority="31">
      <formula>$Q7="HO Complete"</formula>
    </cfRule>
  </conditionalFormatting>
  <conditionalFormatting sqref="F8 F6">
    <cfRule type="expression" dxfId="0" priority="34">
      <formula>$Q6="Not Processed"</formula>
    </cfRule>
  </conditionalFormatting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9BEBC5A5179FEB4D9872E87B7572D216" ma:contentTypeVersion="11" ma:contentTypeDescription="Create a new document." ma:contentTypeScope="" ma:versionID="3e9e01147464997bce3942c1672779ac">
  <xsd:schema xmlns:xsd="http://www.w3.org/2001/XMLSchema" xmlns:xs="http://www.w3.org/2001/XMLSchema" xmlns:p="http://schemas.microsoft.com/office/2006/metadata/properties" xmlns:ns1="http://schemas.microsoft.com/sharepoint/v3" xmlns:ns2="141382f5-4f46-43fc-89ee-fc68947ed6b0" xmlns:ns3="6f0dca26-8475-4487-a1fb-5d7999a02c4f" targetNamespace="http://schemas.microsoft.com/office/2006/metadata/properties" ma:root="true" ma:fieldsID="6da362a5684d3dbddc3645a3822d86cc" ns1:_="" ns2:_="" ns3:_="">
    <xsd:import namespace="http://schemas.microsoft.com/sharepoint/v3"/>
    <xsd:import namespace="141382f5-4f46-43fc-89ee-fc68947ed6b0"/>
    <xsd:import namespace="6f0dca26-8475-4487-a1fb-5d7999a02c4f"/>
    <xsd:element name="properties">
      <xsd:complexType>
        <xsd:sequence>
          <xsd:element name="documentManagement">
            <xsd:complexType>
              <xsd:all>
                <xsd:element ref="ns1:PublishingStartDate" minOccurs="0"/>
                <xsd:element ref="ns1:PublishingExpirationDate" minOccurs="0"/>
                <xsd:element ref="ns2:Category" minOccurs="0"/>
                <xsd:element ref="ns2:Date" minOccurs="0"/>
                <xsd:element ref="ns2:TJAC_x0020_Meetings" minOccurs="0"/>
                <xsd:element ref="ns3:_dlc_DocId" minOccurs="0"/>
                <xsd:element ref="ns3:_dlc_DocIdUrl" minOccurs="0"/>
                <xsd:element ref="ns3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4" nillable="true" ma:displayName="Scheduling Start Date" ma:description="" ma:internalName="PublishingStartDate">
      <xsd:simpleType>
        <xsd:restriction base="dms:Unknown"/>
      </xsd:simpleType>
    </xsd:element>
    <xsd:element name="PublishingExpirationDate" ma:index="5" nillable="true" ma:displayName="Scheduling End Date" ma:description="" ma:internalName="PublishingExpirationDat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41382f5-4f46-43fc-89ee-fc68947ed6b0" elementFormDefault="qualified">
    <xsd:import namespace="http://schemas.microsoft.com/office/2006/documentManagement/types"/>
    <xsd:import namespace="http://schemas.microsoft.com/office/infopath/2007/PartnerControls"/>
    <xsd:element name="Category" ma:index="6" nillable="true" ma:displayName="Category" ma:format="Dropdown" ma:internalName="Category">
      <xsd:simpleType>
        <xsd:restriction base="dms:Choice">
          <xsd:enumeration value="01"/>
          <xsd:enumeration value="02"/>
          <xsd:enumeration value="03"/>
          <xsd:enumeration value="04"/>
          <xsd:enumeration value="05"/>
          <xsd:enumeration value="06"/>
          <xsd:enumeration value="07"/>
          <xsd:enumeration value="08"/>
          <xsd:enumeration value="09"/>
        </xsd:restriction>
      </xsd:simpleType>
    </xsd:element>
    <xsd:element name="Date" ma:index="7" nillable="true" ma:displayName="Date" ma:format="DateOnly" ma:internalName="Date" ma:readOnly="false">
      <xsd:simpleType>
        <xsd:restriction base="dms:DateTime"/>
      </xsd:simpleType>
    </xsd:element>
    <xsd:element name="TJAC_x0020_Meetings" ma:index="8" nillable="true" ma:displayName="TJAC Meetings" ma:format="Dropdown" ma:internalName="TJAC_x0020_Meetings">
      <xsd:simpleType>
        <xsd:restriction base="dms:Choice">
          <xsd:enumeration value="May 11, 2010"/>
          <xsd:enumeration value="September 22, 2009"/>
          <xsd:enumeration value="April 28, 2009"/>
          <xsd:enumeration value="- Prior years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f0dca26-8475-4487-a1fb-5d7999a02c4f" elementFormDefault="qualified">
    <xsd:import namespace="http://schemas.microsoft.com/office/2006/documentManagement/types"/>
    <xsd:import namespace="http://schemas.microsoft.com/office/infopath/2007/PartnerControls"/>
    <xsd:element name="_dlc_DocId" ma:index="13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14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5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9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6f0dca26-8475-4487-a1fb-5d7999a02c4f">WQHN7747SHA3-74-105</_dlc_DocId>
    <_dlc_DocIdUrl xmlns="6f0dca26-8475-4487-a1fb-5d7999a02c4f">
      <Url>https://info.bcassessment.ca/services-and-products/government/local-government/_layouts/15/DocIdRedir.aspx?ID=WQHN7747SHA3-74-105</Url>
      <Description>WQHN7747SHA3-74-105</Description>
    </_dlc_DocIdUrl>
    <Date xmlns="141382f5-4f46-43fc-89ee-fc68947ed6b0" xsi:nil="true"/>
    <Category xmlns="141382f5-4f46-43fc-89ee-fc68947ed6b0" xsi:nil="true"/>
    <PublishingExpirationDate xmlns="http://schemas.microsoft.com/sharepoint/v3" xsi:nil="true"/>
    <TJAC_x0020_Meetings xmlns="141382f5-4f46-43fc-89ee-fc68947ed6b0" xsi:nil="true"/>
    <PublishingStartDate xmlns="http://schemas.microsoft.com/sharepoint/v3" xsi:nil="true"/>
  </documentManagement>
</p:properties>
</file>

<file path=customXml/itemProps1.xml><?xml version="1.0" encoding="utf-8"?>
<ds:datastoreItem xmlns:ds="http://schemas.openxmlformats.org/officeDocument/2006/customXml" ds:itemID="{EA00F86F-833C-4432-9D75-291737373B1E}"/>
</file>

<file path=customXml/itemProps2.xml><?xml version="1.0" encoding="utf-8"?>
<ds:datastoreItem xmlns:ds="http://schemas.openxmlformats.org/officeDocument/2006/customXml" ds:itemID="{D0EEE4BA-F34F-45DF-BCE0-FAFEE364751A}"/>
</file>

<file path=customXml/itemProps3.xml><?xml version="1.0" encoding="utf-8"?>
<ds:datastoreItem xmlns:ds="http://schemas.openxmlformats.org/officeDocument/2006/customXml" ds:itemID="{D8BCE528-0E4E-49B1-B7A9-A82D122E58A8}"/>
</file>

<file path=customXml/itemProps4.xml><?xml version="1.0" encoding="utf-8"?>
<ds:datastoreItem xmlns:ds="http://schemas.openxmlformats.org/officeDocument/2006/customXml" ds:itemID="{05EF1F37-6E86-4F04-9FEB-D4A89054D765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BC Assessmen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orrison, Rachel BCA:EX</dc:creator>
  <cp:lastModifiedBy>Morrison, Rachel BCA:EX</cp:lastModifiedBy>
  <dcterms:created xsi:type="dcterms:W3CDTF">2020-02-26T17:49:03Z</dcterms:created>
  <dcterms:modified xsi:type="dcterms:W3CDTF">2024-03-07T18:43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BEBC5A5179FEB4D9872E87B7572D216</vt:lpwstr>
  </property>
  <property fmtid="{D5CDD505-2E9C-101B-9397-08002B2CF9AE}" pid="3" name="_dlc_DocIdItemGuid">
    <vt:lpwstr>bc3b05a7-2271-4b6b-8273-86548d0096a9</vt:lpwstr>
  </property>
</Properties>
</file>